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1053" autoAdjust="0"/>
    <p:restoredTop sz="95610" autoAdjust="0"/>
  </p:normalViewPr>
  <p:slideViewPr>
    <p:cSldViewPr snapToGrid="0" snapToObjects="1">
      <p:cViewPr>
        <p:scale>
          <a:sx n="91" d="100"/>
          <a:sy n="91" d="100"/>
        </p:scale>
        <p:origin x="32" y="632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3/27/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800" dirty="0"/>
              <a:t>Dear Management Team,</a:t>
            </a:r>
          </a:p>
          <a:p>
            <a:r>
              <a:rPr lang="en-US" sz="800" b="1" dirty="0"/>
              <a:t>Financial Impact of Supply Chain Interruption</a:t>
            </a:r>
          </a:p>
          <a:p>
            <a:pPr marL="174625" indent="-171450">
              <a:buFontTx/>
              <a:buChar char="-"/>
            </a:pPr>
            <a:r>
              <a:rPr lang="en-US" sz="800" dirty="0"/>
              <a:t>Minimal financial impact in the short-term given it has had minimal effect on the financial projections in the years following FY21. </a:t>
            </a:r>
          </a:p>
          <a:p>
            <a:pPr marL="174625" indent="-171450">
              <a:buFontTx/>
              <a:buChar char="-"/>
            </a:pPr>
            <a:r>
              <a:rPr lang="en-US" sz="800" dirty="0"/>
              <a:t>Therefore, not a strong reason to significantly lower your bid is it an indication of future financial distress</a:t>
            </a:r>
          </a:p>
          <a:p>
            <a:pPr marL="174625" indent="-171450">
              <a:buFontTx/>
              <a:buChar char="-"/>
            </a:pPr>
            <a:r>
              <a:rPr lang="en-US" sz="800" dirty="0"/>
              <a:t>Given the long-term nature of. This investment and the intangible (synergy value) value of this investment, we do not see this fire as a material issue either</a:t>
            </a:r>
          </a:p>
          <a:p>
            <a:r>
              <a:rPr lang="en-US" sz="800" b="1" dirty="0"/>
              <a:t>Bidding Dynamics</a:t>
            </a:r>
          </a:p>
          <a:p>
            <a:r>
              <a:rPr lang="en-US" sz="800" dirty="0"/>
              <a:t>- The information regarding bidding on </a:t>
            </a:r>
            <a:r>
              <a:rPr lang="en-US" sz="800" dirty="0" err="1"/>
              <a:t>HappyHour</a:t>
            </a:r>
            <a:r>
              <a:rPr lang="en-US" sz="800" dirty="0"/>
              <a:t> Co. from the NY/HK Times to be credible. Due to several large strategic firms searching for opportunities to expand, we can expect a highly bidding environment.</a:t>
            </a:r>
          </a:p>
          <a:p>
            <a:r>
              <a:rPr lang="en-US" sz="800" b="1" dirty="0"/>
              <a:t>Valuation Adjustments</a:t>
            </a:r>
          </a:p>
          <a:p>
            <a:pPr marL="174625" indent="-171450">
              <a:buFontTx/>
              <a:buChar char="-"/>
            </a:pPr>
            <a:r>
              <a:rPr lang="en-US" sz="800" dirty="0"/>
              <a:t>FY21 Revenue of $1,100mm (down ~4-5%)</a:t>
            </a:r>
          </a:p>
          <a:p>
            <a:pPr marL="174625" indent="-171450">
              <a:buFontTx/>
              <a:buChar char="-"/>
            </a:pPr>
            <a:r>
              <a:rPr lang="en-US" sz="800" dirty="0"/>
              <a:t>50% gross margin</a:t>
            </a:r>
          </a:p>
          <a:p>
            <a:pPr marL="174625" indent="-171450">
              <a:buFontTx/>
              <a:buChar char="-"/>
            </a:pPr>
            <a:r>
              <a:rPr lang="en-US" sz="800" dirty="0"/>
              <a:t>Management expects to revert to originally forecasted sales in FY22</a:t>
            </a:r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980752583"/>
              </p:ext>
            </p:extLst>
          </p:nvPr>
        </p:nvGraphicFramePr>
        <p:xfrm>
          <a:off x="795528" y="5272961"/>
          <a:ext cx="4279392" cy="1138048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56592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76FB5F13-56E3-2248-2B9B-067DAF73B04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088385683"/>
              </p:ext>
            </p:extLst>
          </p:nvPr>
        </p:nvGraphicFramePr>
        <p:xfrm>
          <a:off x="5498470" y="5209794"/>
          <a:ext cx="4394640" cy="1524000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359546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01754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017547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04700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0470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394</a:t>
                      </a:r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53.30%</a:t>
                      </a:r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0470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  <a:highlight>
                            <a:srgbClr val="B5D2E5"/>
                          </a:highlight>
                        </a:rPr>
                        <a:t>738</a:t>
                      </a:r>
                      <a:endParaRPr lang="en-US" sz="800" b="1" i="0" u="none" strike="noStrike" dirty="0">
                        <a:solidFill>
                          <a:srgbClr val="6D6E6A"/>
                        </a:solidFill>
                        <a:effectLst/>
                        <a:highlight>
                          <a:srgbClr val="B5D2E5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  <a:highlight>
                            <a:srgbClr val="B5D2E5"/>
                          </a:highlight>
                        </a:rPr>
                        <a:t>100.00%</a:t>
                      </a:r>
                      <a:endParaRPr lang="en-US" sz="800" b="1" i="0" u="none" strike="noStrike" dirty="0">
                        <a:solidFill>
                          <a:srgbClr val="6D6E6A"/>
                        </a:solidFill>
                        <a:effectLst/>
                        <a:highlight>
                          <a:srgbClr val="B5D2E5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04849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-85</a:t>
                      </a:r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0470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  <a:highlight>
                            <a:srgbClr val="B5D2E5"/>
                          </a:highlight>
                        </a:rPr>
                        <a:t>654</a:t>
                      </a:r>
                      <a:endParaRPr lang="en-US" sz="800" b="1" i="0" u="none" strike="noStrike" dirty="0">
                        <a:solidFill>
                          <a:srgbClr val="6D6E6A"/>
                        </a:solidFill>
                        <a:effectLst/>
                        <a:highlight>
                          <a:srgbClr val="B5D2E5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  <a:highlight>
                            <a:srgbClr val="B5D2E5"/>
                          </a:highlight>
                        </a:rPr>
                        <a:t> </a:t>
                      </a:r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highlight>
                          <a:srgbClr val="B5D2E5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329</a:t>
                      </a:r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1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04849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99.10%</a:t>
                      </a:r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800" u="none" strike="noStrike" dirty="0">
                          <a:effectLst/>
                        </a:rPr>
                        <a:t> </a:t>
                      </a:r>
                      <a:endParaRPr lang="en-US" sz="1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0470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394</a:t>
                      </a:r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 dirty="0">
                          <a:effectLst/>
                        </a:rPr>
                        <a:t>53.30%</a:t>
                      </a:r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309</TotalTime>
  <Words>320</Words>
  <Application>Microsoft Macintosh PowerPoint</Application>
  <PresentationFormat>Custom</PresentationFormat>
  <Paragraphs>61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Trang Bui</cp:lastModifiedBy>
  <cp:revision>879</cp:revision>
  <cp:lastPrinted>2020-01-28T09:55:08Z</cp:lastPrinted>
  <dcterms:created xsi:type="dcterms:W3CDTF">2015-06-19T14:55:37Z</dcterms:created>
  <dcterms:modified xsi:type="dcterms:W3CDTF">2024-03-28T00:34:44Z</dcterms:modified>
</cp:coreProperties>
</file>